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28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8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9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Ｋｇ</t>
  </si>
  <si>
    <t>収集運搬及び処分</t>
  </si>
  <si>
    <t>安定器</t>
  </si>
  <si>
    <t>水銀灯（球）</t>
  </si>
  <si>
    <t>蛍光管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廃棄物処理（２）</t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２８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topLeftCell="A4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28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27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6</v>
      </c>
      <c r="C5" s="59"/>
      <c r="D5" s="59"/>
      <c r="E5" s="59"/>
      <c r="F5" s="59"/>
      <c r="G5" s="43" t="s">
        <v>25</v>
      </c>
      <c r="H5" s="40"/>
      <c r="J5" s="42" t="s">
        <v>24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3</v>
      </c>
      <c r="C7" s="60"/>
      <c r="D7" s="60"/>
      <c r="H7" s="39"/>
    </row>
    <row r="8" spans="1:10" ht="24.95" customHeight="1" x14ac:dyDescent="0.15">
      <c r="A8" s="61" t="s">
        <v>22</v>
      </c>
      <c r="B8" s="62"/>
      <c r="C8" s="61" t="s">
        <v>21</v>
      </c>
      <c r="D8" s="62"/>
      <c r="E8" s="38" t="s">
        <v>20</v>
      </c>
      <c r="F8" s="36" t="s">
        <v>19</v>
      </c>
      <c r="G8" s="37" t="s">
        <v>18</v>
      </c>
      <c r="H8" s="36" t="s">
        <v>17</v>
      </c>
    </row>
    <row r="9" spans="1:10" ht="24.95" customHeight="1" x14ac:dyDescent="0.15">
      <c r="A9" s="19">
        <v>1</v>
      </c>
      <c r="B9" s="35" t="s">
        <v>16</v>
      </c>
      <c r="C9" s="21">
        <v>1</v>
      </c>
      <c r="D9" s="34" t="s">
        <v>13</v>
      </c>
      <c r="E9" s="33" t="s">
        <v>12</v>
      </c>
      <c r="F9" s="15">
        <v>4946</v>
      </c>
      <c r="G9" s="63"/>
      <c r="H9" s="64"/>
    </row>
    <row r="10" spans="1:10" ht="24.95" customHeight="1" x14ac:dyDescent="0.15">
      <c r="A10" s="19">
        <v>2</v>
      </c>
      <c r="B10" s="18" t="s">
        <v>15</v>
      </c>
      <c r="C10" s="16">
        <v>1</v>
      </c>
      <c r="D10" s="17" t="s">
        <v>13</v>
      </c>
      <c r="E10" s="32" t="s">
        <v>12</v>
      </c>
      <c r="F10" s="15">
        <v>157</v>
      </c>
      <c r="G10" s="65"/>
      <c r="H10" s="64"/>
    </row>
    <row r="11" spans="1:10" ht="24.95" customHeight="1" x14ac:dyDescent="0.15">
      <c r="A11" s="19">
        <v>3</v>
      </c>
      <c r="B11" s="18" t="s">
        <v>14</v>
      </c>
      <c r="C11" s="16">
        <v>1</v>
      </c>
      <c r="D11" s="17" t="s">
        <v>13</v>
      </c>
      <c r="E11" s="32" t="s">
        <v>12</v>
      </c>
      <c r="F11" s="15">
        <v>1217</v>
      </c>
      <c r="G11" s="65"/>
      <c r="H11" s="64"/>
    </row>
    <row r="12" spans="1:10" ht="24.95" customHeight="1" x14ac:dyDescent="0.15">
      <c r="A12" s="19"/>
      <c r="B12" s="18"/>
      <c r="C12" s="16"/>
      <c r="D12" s="17"/>
      <c r="E12" s="32"/>
      <c r="F12" s="15"/>
      <c r="G12" s="65"/>
      <c r="H12" s="64"/>
    </row>
    <row r="13" spans="1:10" ht="24.95" customHeight="1" x14ac:dyDescent="0.15">
      <c r="A13" s="14"/>
      <c r="B13" s="13"/>
      <c r="C13" s="12"/>
      <c r="D13" s="26"/>
      <c r="E13" s="31"/>
      <c r="F13" s="11"/>
      <c r="G13" s="66"/>
      <c r="H13" s="67"/>
    </row>
    <row r="14" spans="1:10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8</vt:lpstr>
      <vt:lpstr>'228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1:34Z</dcterms:created>
  <dcterms:modified xsi:type="dcterms:W3CDTF">2022-03-01T11:58:16Z</dcterms:modified>
</cp:coreProperties>
</file>